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3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2" d="100"/>
          <a:sy n="62" d="100"/>
        </p:scale>
        <p:origin x="894" y="42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614616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2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at is informed consen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933731"/>
            <a:ext cx="7662656" cy="331725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00184" y="2055186"/>
            <a:ext cx="7773551" cy="274762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37183774"/>
              </p:ext>
            </p:extLst>
          </p:nvPr>
        </p:nvGraphicFramePr>
        <p:xfrm>
          <a:off x="356393" y="514289"/>
          <a:ext cx="7921195" cy="6334274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Age Group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hild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aregiver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0-5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- 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6-11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ral Informed As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 dirty="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2-14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As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15-18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Written Informed Consent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/>
                      </a:r>
                      <a:br>
                        <a:rPr lang="en-US" sz="3200"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</a:b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Obtain informed consent with child’s permission</a:t>
                      </a:r>
                      <a:endParaRPr lang="en-US" sz="320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  <a:latin typeface="Open Sans" panose="020B0606030504020204" pitchFamily="34" charset="0"/>
                          <a:ea typeface="Open Sans" panose="020B0606030504020204" pitchFamily="34" charset="0"/>
                          <a:cs typeface="Open Sans" panose="020B0606030504020204" pitchFamily="34" charset="0"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  <a:latin typeface="Open Sans" panose="020B0606030504020204" pitchFamily="34" charset="0"/>
                        <a:ea typeface="Open Sans" panose="020B0606030504020204" pitchFamily="34" charset="0"/>
                        <a:cs typeface="Open Sans" panose="020B0606030504020204" pitchFamily="34" charset="0"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64283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informed_consent"/>
  <p:tag name="ISPRING_PRESENTATION_TITLE" val="informed_consent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PASSING_SCORE" val="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REEN_RECS_UPDATED" val="C:\Users\hp\Desktop\Projects\remove large files\Nabad\safeguarding\en\lessons\informed_consent_1\"/>
  <p:tag name="ISPRING_RESOURCE_FOLDER" val="C:\Users\hp\Desktop\Projects\remove large files\Nabad\safeguarding\en\lessons\informed_consent_1\"/>
  <p:tag name="ISPRING_RESOURCE_FOLDER_STATIC" val="C:\Users\hp\Desktop\Projects\remove large files\Nabad\safeguarding\en\lessons\informed_consent_1\"/>
  <p:tag name="ISPRING_PRESENTATION_PATH" val="C:\Users\hp\Desktop\Projects\remove large files\Nabad\safeguarding\en\lessons\informed_consent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  <p:tag name="GENSWF_SLIDE_UID" val="{A09A7BB1-6E17-44F4-9F2B-BFEA0E76A67B}:35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9</TotalTime>
  <Words>171</Words>
  <Application>Microsoft Office PowerPoint</Application>
  <PresentationFormat>Widescreen</PresentationFormat>
  <Paragraphs>3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54</cp:revision>
  <dcterms:created xsi:type="dcterms:W3CDTF">2022-11-16T16:05:09Z</dcterms:created>
  <dcterms:modified xsi:type="dcterms:W3CDTF">2024-09-22T08:14:32Z</dcterms:modified>
</cp:coreProperties>
</file>